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 varScale="1">
        <p:scale>
          <a:sx n="67" d="100"/>
          <a:sy n="67" d="100"/>
        </p:scale>
        <p:origin x="66" y="234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24/09/2018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 smtClean="0"/>
              <a:t>Haga clic para modificar los estilos de texto del patrón</a:t>
            </a:r>
          </a:p>
          <a:p>
            <a:pPr lvl="1" rtl="0"/>
            <a:r>
              <a:rPr lang="es-ES" noProof="0" dirty="0" smtClean="0"/>
              <a:t>Segundo nivel</a:t>
            </a:r>
          </a:p>
          <a:p>
            <a:pPr lvl="2" rtl="0"/>
            <a:r>
              <a:rPr lang="es-ES" noProof="0" dirty="0" smtClean="0"/>
              <a:t>Tercer nivel</a:t>
            </a:r>
          </a:p>
          <a:p>
            <a:pPr lvl="3" rtl="0"/>
            <a:r>
              <a:rPr lang="es-ES" noProof="0" dirty="0" smtClean="0"/>
              <a:t>Cuarto nivel</a:t>
            </a:r>
          </a:p>
          <a:p>
            <a:pPr lvl="4" rtl="0"/>
            <a:r>
              <a:rPr lang="es-ES" noProof="0" dirty="0" smtClean="0"/>
              <a:t>Quinto nivel</a:t>
            </a:r>
            <a:endParaRPr lang="es-ES" noProof="0" dirty="0"/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 smtClean="0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 smtClean="0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smtClean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  <a:endParaRPr lang="es-ES" sz="1600" dirty="0">
              <a:solidFill>
                <a:schemeClr val="accent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 smtClean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 smtClean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  <a:endParaRPr lang="es-ES" sz="1600" dirty="0">
              <a:solidFill>
                <a:schemeClr val="accent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 smtClean="0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 smtClean="0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slideLayout" Target="../slideLayouts/slideLayout1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21" name="OTLSHAPE_T_5fb83712d998486794713810c5f37960_HorizontalConnector1"/>
          <p:cNvCxnSpPr/>
          <p:nvPr>
            <p:custDataLst>
              <p:tags r:id="rId2"/>
            </p:custDataLst>
          </p:nvPr>
        </p:nvCxnSpPr>
        <p:spPr>
          <a:xfrm>
            <a:off x="576454" y="5120725"/>
            <a:ext cx="89708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0" name="OTLSHAPE_T_5c2233aa4cdf471ca3daab9276f651f2_HorizontalConnector1"/>
          <p:cNvCxnSpPr/>
          <p:nvPr>
            <p:custDataLst>
              <p:tags r:id="rId3"/>
            </p:custDataLst>
          </p:nvPr>
        </p:nvCxnSpPr>
        <p:spPr>
          <a:xfrm>
            <a:off x="576453" y="4800600"/>
            <a:ext cx="72023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b833ef56c83441b8aae9f8aa000f05c7_HorizontalConnector1"/>
          <p:cNvCxnSpPr/>
          <p:nvPr>
            <p:custDataLst>
              <p:tags r:id="rId4"/>
            </p:custDataLst>
          </p:nvPr>
        </p:nvCxnSpPr>
        <p:spPr>
          <a:xfrm>
            <a:off x="576453" y="4533900"/>
            <a:ext cx="55480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/>
          <p:nvPr>
            <p:custDataLst>
              <p:tags r:id="rId5"/>
            </p:custDataLst>
          </p:nvPr>
        </p:nvCxnSpPr>
        <p:spPr>
          <a:xfrm>
            <a:off x="576453" y="4267200"/>
            <a:ext cx="37226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f390427816e94984beddb560d3c76b55_HorizontalConnector1"/>
          <p:cNvCxnSpPr/>
          <p:nvPr>
            <p:custDataLst>
              <p:tags r:id="rId6"/>
            </p:custDataLst>
          </p:nvPr>
        </p:nvCxnSpPr>
        <p:spPr>
          <a:xfrm>
            <a:off x="576453" y="4000500"/>
            <a:ext cx="21253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7"/>
            </p:custDataLst>
          </p:nvPr>
        </p:nvCxnSpPr>
        <p:spPr>
          <a:xfrm>
            <a:off x="576453" y="3733800"/>
            <a:ext cx="356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M_6c828a10b5c94eaa8f8b283553ebdb46_Connector1"/>
          <p:cNvCxnSpPr/>
          <p:nvPr>
            <p:custDataLst>
              <p:tags r:id="rId8"/>
            </p:custDataLst>
          </p:nvPr>
        </p:nvCxnSpPr>
        <p:spPr>
          <a:xfrm>
            <a:off x="11150894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" name="OTLSHAPE_M_bffbbde56c9b42058c48b194389c4da0_Connector1"/>
          <p:cNvCxnSpPr/>
          <p:nvPr>
            <p:custDataLst>
              <p:tags r:id="rId9"/>
            </p:custDataLst>
          </p:nvPr>
        </p:nvCxnSpPr>
        <p:spPr>
          <a:xfrm>
            <a:off x="5959736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7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s-PA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s-PA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99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0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24602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 smtClean="0">
                <a:solidFill>
                  <a:schemeClr val="dk2"/>
                </a:solidFill>
                <a:latin typeface="Calibri" panose="020F0502020204030204" pitchFamily="34" charset="0"/>
              </a:rPr>
              <a:t>Hoy</a:t>
            </a:r>
            <a:endParaRPr lang="es-PA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684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smtClean="0">
                <a:solidFill>
                  <a:schemeClr val="lt1"/>
                </a:solidFill>
                <a:latin typeface="Calibri" panose="020F0502020204030204" pitchFamily="34" charset="0"/>
              </a:rPr>
              <a:t>ene.</a:t>
            </a:r>
            <a:endParaRPr lang="es-PA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70178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765282" y="3145473"/>
            <a:ext cx="23205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feb.</a:t>
            </a:r>
            <a:endParaRPr lang="es-PA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6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429906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7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4362561" y="3145473"/>
            <a:ext cx="2679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smtClean="0">
                <a:solidFill>
                  <a:schemeClr val="lt1"/>
                </a:solidFill>
                <a:latin typeface="Calibri" panose="020F0502020204030204" pitchFamily="34" charset="0"/>
              </a:rPr>
              <a:t>mar.</a:t>
            </a:r>
            <a:endParaRPr lang="es-PA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8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606747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9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6130977" y="3145473"/>
            <a:ext cx="229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abr.</a:t>
            </a:r>
            <a:endParaRPr lang="es-PA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0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777884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1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7842348" y="3145473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smtClean="0">
                <a:solidFill>
                  <a:schemeClr val="lt1"/>
                </a:solidFill>
                <a:latin typeface="Calibri" panose="020F0502020204030204" pitchFamily="34" charset="0"/>
              </a:rPr>
              <a:t>may.</a:t>
            </a:r>
            <a:endParaRPr lang="es-PA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2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954726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3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9610765" y="3145473"/>
            <a:ext cx="23153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jun.</a:t>
            </a:r>
            <a:endParaRPr lang="es-PA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22" name="OTLSHAPE_M_bffbbde56c9b42058c48b194389c4da0_Title"/>
          <p:cNvSpPr txBox="1"/>
          <p:nvPr>
            <p:custDataLst>
              <p:tags r:id="rId27"/>
            </p:custDataLst>
          </p:nvPr>
        </p:nvSpPr>
        <p:spPr>
          <a:xfrm>
            <a:off x="6181986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Release 1.0</a:t>
            </a:r>
            <a:endParaRPr lang="es-PA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M_bffbbde56c9b42058c48b194389c4da0_Date"/>
          <p:cNvSpPr txBox="1"/>
          <p:nvPr>
            <p:custDataLst>
              <p:tags r:id="rId28"/>
            </p:custDataLst>
          </p:nvPr>
        </p:nvSpPr>
        <p:spPr>
          <a:xfrm>
            <a:off x="6181986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/30/2018</a:t>
            </a:r>
            <a:endParaRPr lang="es-PA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M_bffbbde56c9b42058c48b194389c4da0_Shape"/>
          <p:cNvSpPr/>
          <p:nvPr>
            <p:custDataLst>
              <p:tags r:id="rId29"/>
            </p:custDataLst>
          </p:nvPr>
        </p:nvSpPr>
        <p:spPr>
          <a:xfrm rot="16200000">
            <a:off x="5985136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5" name="OTLSHAPE_M_6c828a10b5c94eaa8f8b283553ebdb46_Title"/>
          <p:cNvSpPr txBox="1"/>
          <p:nvPr>
            <p:custDataLst>
              <p:tags r:id="rId30"/>
            </p:custDataLst>
          </p:nvPr>
        </p:nvSpPr>
        <p:spPr>
          <a:xfrm>
            <a:off x="11373144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Release 2.0</a:t>
            </a:r>
            <a:endParaRPr lang="es-PA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6" name="OTLSHAPE_M_6c828a10b5c94eaa8f8b283553ebdb46_Date"/>
          <p:cNvSpPr txBox="1"/>
          <p:nvPr>
            <p:custDataLst>
              <p:tags r:id="rId31"/>
            </p:custDataLst>
          </p:nvPr>
        </p:nvSpPr>
        <p:spPr>
          <a:xfrm>
            <a:off x="1137314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6/29/2018</a:t>
            </a:r>
            <a:endParaRPr lang="es-PA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27" name="OTLSHAPE_M_6c828a10b5c94eaa8f8b283553ebdb46_Shape"/>
          <p:cNvSpPr/>
          <p:nvPr>
            <p:custDataLst>
              <p:tags r:id="rId32"/>
            </p:custDataLst>
          </p:nvPr>
        </p:nvSpPr>
        <p:spPr>
          <a:xfrm rot="16200000">
            <a:off x="11176294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8" name="OTLSHAPE_T_9905d9948fd24916a9eb2ad4b36d189a_Shape"/>
          <p:cNvSpPr/>
          <p:nvPr>
            <p:custDataLst>
              <p:tags r:id="rId33"/>
            </p:custDataLst>
          </p:nvPr>
        </p:nvSpPr>
        <p:spPr>
          <a:xfrm>
            <a:off x="933365" y="3632200"/>
            <a:ext cx="1778000" cy="203200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34"/>
            </p:custDataLst>
          </p:nvPr>
        </p:nvSpPr>
        <p:spPr>
          <a:xfrm>
            <a:off x="933365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35"/>
            </p:custDataLst>
          </p:nvPr>
        </p:nvSpPr>
        <p:spPr>
          <a:xfrm>
            <a:off x="0" y="36322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37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38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39"/>
            </p:custDataLst>
          </p:nvPr>
        </p:nvSpPr>
        <p:spPr>
          <a:xfrm>
            <a:off x="2752542" y="36562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/1/2018 - 1/31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40"/>
            </p:custDataLst>
          </p:nvPr>
        </p:nvSpPr>
        <p:spPr>
          <a:xfrm>
            <a:off x="127000" y="36485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1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6" name="OTLSHAPE_T_f390427816e94984beddb560d3c76b55_Shape"/>
          <p:cNvSpPr/>
          <p:nvPr>
            <p:custDataLst>
              <p:tags r:id="rId41"/>
            </p:custDataLst>
          </p:nvPr>
        </p:nvSpPr>
        <p:spPr>
          <a:xfrm>
            <a:off x="2701782" y="3898900"/>
            <a:ext cx="1600200" cy="203200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42"/>
            </p:custDataLst>
          </p:nvPr>
        </p:nvSpPr>
        <p:spPr>
          <a:xfrm>
            <a:off x="270178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43"/>
            </p:custDataLst>
          </p:nvPr>
        </p:nvSpPr>
        <p:spPr>
          <a:xfrm>
            <a:off x="0" y="3898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28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45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6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47"/>
            </p:custDataLst>
          </p:nvPr>
        </p:nvSpPr>
        <p:spPr>
          <a:xfrm>
            <a:off x="4349821" y="39229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2/1/2018 - 2/28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8"/>
            </p:custDataLst>
          </p:nvPr>
        </p:nvSpPr>
        <p:spPr>
          <a:xfrm>
            <a:off x="127000" y="39152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2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4" name="OTLSHAPE_T_4c52348678094630a9d20ec801012b57_Shape"/>
          <p:cNvSpPr/>
          <p:nvPr>
            <p:custDataLst>
              <p:tags r:id="rId49"/>
            </p:custDataLst>
          </p:nvPr>
        </p:nvSpPr>
        <p:spPr>
          <a:xfrm>
            <a:off x="4299061" y="4165600"/>
            <a:ext cx="17145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50"/>
            </p:custDataLst>
          </p:nvPr>
        </p:nvSpPr>
        <p:spPr>
          <a:xfrm>
            <a:off x="4299061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51"/>
            </p:custDataLst>
          </p:nvPr>
        </p:nvSpPr>
        <p:spPr>
          <a:xfrm>
            <a:off x="0" y="41656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30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53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54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_4c52348678094630a9d20ec801012b57_JoinedDate"/>
          <p:cNvSpPr txBox="1"/>
          <p:nvPr>
            <p:custDataLst>
              <p:tags r:id="rId55"/>
            </p:custDataLst>
          </p:nvPr>
        </p:nvSpPr>
        <p:spPr>
          <a:xfrm>
            <a:off x="6061192" y="41896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3/1/2018 - 3/30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56"/>
            </p:custDataLst>
          </p:nvPr>
        </p:nvSpPr>
        <p:spPr>
          <a:xfrm>
            <a:off x="127000" y="41819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3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T_b833ef56c83441b8aae9f8aa000f05c7_Shape"/>
          <p:cNvSpPr/>
          <p:nvPr>
            <p:custDataLst>
              <p:tags r:id="rId57"/>
            </p:custDataLst>
          </p:nvPr>
        </p:nvSpPr>
        <p:spPr>
          <a:xfrm>
            <a:off x="6124523" y="4432300"/>
            <a:ext cx="1663700" cy="203200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58"/>
            </p:custDataLst>
          </p:nvPr>
        </p:nvSpPr>
        <p:spPr>
          <a:xfrm>
            <a:off x="6124523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59"/>
            </p:custDataLst>
          </p:nvPr>
        </p:nvSpPr>
        <p:spPr>
          <a:xfrm>
            <a:off x="0" y="443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61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62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_b833ef56c83441b8aae9f8aa000f05c7_JoinedDate"/>
          <p:cNvSpPr txBox="1"/>
          <p:nvPr>
            <p:custDataLst>
              <p:tags r:id="rId63"/>
            </p:custDataLst>
          </p:nvPr>
        </p:nvSpPr>
        <p:spPr>
          <a:xfrm>
            <a:off x="7829609" y="44563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4/2/2018 - 4/30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64"/>
            </p:custDataLst>
          </p:nvPr>
        </p:nvSpPr>
        <p:spPr>
          <a:xfrm>
            <a:off x="127000" y="44486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4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T_5c2233aa4cdf471ca3daab9276f651f2_Shape"/>
          <p:cNvSpPr/>
          <p:nvPr>
            <p:custDataLst>
              <p:tags r:id="rId65"/>
            </p:custDataLst>
          </p:nvPr>
        </p:nvSpPr>
        <p:spPr>
          <a:xfrm>
            <a:off x="7778848" y="4699000"/>
            <a:ext cx="17780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66"/>
            </p:custDataLst>
          </p:nvPr>
        </p:nvSpPr>
        <p:spPr>
          <a:xfrm>
            <a:off x="7778848" y="469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67"/>
            </p:custDataLst>
          </p:nvPr>
        </p:nvSpPr>
        <p:spPr>
          <a:xfrm>
            <a:off x="0" y="46990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69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70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T_5c2233aa4cdf471ca3daab9276f651f2_JoinedDate"/>
          <p:cNvSpPr txBox="1"/>
          <p:nvPr>
            <p:custDataLst>
              <p:tags r:id="rId71"/>
            </p:custDataLst>
          </p:nvPr>
        </p:nvSpPr>
        <p:spPr>
          <a:xfrm>
            <a:off x="9598025" y="47230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5/1/2018 - 5/31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7" name="OTLSHAPE_T_5c2233aa4cdf471ca3daab9276f651f2_Title"/>
          <p:cNvSpPr txBox="1"/>
          <p:nvPr>
            <p:custDataLst>
              <p:tags r:id="rId72"/>
            </p:custDataLst>
          </p:nvPr>
        </p:nvSpPr>
        <p:spPr>
          <a:xfrm>
            <a:off x="127000" y="47153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5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T_5fb83712d998486794713810c5f37960_Shape"/>
          <p:cNvSpPr/>
          <p:nvPr>
            <p:custDataLst>
              <p:tags r:id="rId73"/>
            </p:custDataLst>
          </p:nvPr>
        </p:nvSpPr>
        <p:spPr>
          <a:xfrm>
            <a:off x="9547265" y="5019125"/>
            <a:ext cx="16637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9" name="OTLSHAPE_T_5fb83712d998486794713810c5f37960_ShapePercentage" hidden="1"/>
          <p:cNvSpPr/>
          <p:nvPr>
            <p:custDataLst>
              <p:tags r:id="rId74"/>
            </p:custDataLst>
          </p:nvPr>
        </p:nvSpPr>
        <p:spPr>
          <a:xfrm>
            <a:off x="9547265" y="501912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70" name="OTLSHAPE_T_5fb83712d998486794713810c5f37960_Duration" hidden="1"/>
          <p:cNvSpPr txBox="1"/>
          <p:nvPr>
            <p:custDataLst>
              <p:tags r:id="rId75"/>
            </p:custDataLst>
          </p:nvPr>
        </p:nvSpPr>
        <p:spPr>
          <a:xfrm>
            <a:off x="0" y="496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1" name="OTLSHAPE_T_5fb83712d998486794713810c5f37960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_5fb83712d998486794713810c5f37960_StartDate" hidden="1"/>
          <p:cNvSpPr txBox="1"/>
          <p:nvPr>
            <p:custDataLst>
              <p:tags r:id="rId77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5fb83712d998486794713810c5f37960_EndDate" hidden="1"/>
          <p:cNvSpPr txBox="1"/>
          <p:nvPr>
            <p:custDataLst>
              <p:tags r:id="rId78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T_5fb83712d998486794713810c5f37960_JoinedDate"/>
          <p:cNvSpPr txBox="1"/>
          <p:nvPr>
            <p:custDataLst>
              <p:tags r:id="rId79"/>
            </p:custDataLst>
          </p:nvPr>
        </p:nvSpPr>
        <p:spPr>
          <a:xfrm>
            <a:off x="11252350" y="4965700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mtClean="0">
                <a:solidFill>
                  <a:srgbClr val="44546A"/>
                </a:solidFill>
                <a:latin typeface="Calibri" panose="020F0502020204030204" pitchFamily="34" charset="0"/>
              </a:rPr>
              <a:t>6/1/2018 - 6/29/2018</a:t>
            </a:r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T_5fb83712d998486794713810c5f37960_Title"/>
          <p:cNvSpPr txBox="1"/>
          <p:nvPr>
            <p:custDataLst>
              <p:tags r:id="rId80"/>
            </p:custDataLst>
          </p:nvPr>
        </p:nvSpPr>
        <p:spPr>
          <a:xfrm>
            <a:off x="127000" y="503546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6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CuadroTexto 1"/>
          <p:cNvSpPr txBox="1"/>
          <p:nvPr/>
        </p:nvSpPr>
        <p:spPr>
          <a:xfrm>
            <a:off x="811027" y="372382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 smtClean="0">
                <a:solidFill>
                  <a:schemeClr val="accent1"/>
                </a:solidFill>
              </a:rPr>
              <a:t>Planificación de Lanzamiento (Línea de Tiempo)</a:t>
            </a:r>
            <a:endParaRPr lang="es-PA" sz="3200" b="1" dirty="0">
              <a:solidFill>
                <a:schemeClr val="accent1"/>
              </a:solidFill>
            </a:endParaRPr>
          </a:p>
        </p:txBody>
      </p:sp>
      <p:sp>
        <p:nvSpPr>
          <p:cNvPr id="82" name="CuadroTexto 81"/>
          <p:cNvSpPr txBox="1"/>
          <p:nvPr/>
        </p:nvSpPr>
        <p:spPr>
          <a:xfrm>
            <a:off x="242576" y="6362393"/>
            <a:ext cx="77968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 smtClean="0"/>
              <a:t>Puedes utilizar Office </a:t>
            </a:r>
            <a:r>
              <a:rPr lang="es-PA" dirty="0" err="1" smtClean="0"/>
              <a:t>Timeline</a:t>
            </a:r>
            <a:r>
              <a:rPr lang="es-PA" dirty="0" smtClean="0"/>
              <a:t> para crear/editar la </a:t>
            </a:r>
            <a:r>
              <a:rPr lang="es-PA" dirty="0" smtClean="0"/>
              <a:t>planificación de lanzamiento</a:t>
            </a:r>
            <a:endParaRPr lang="es-PA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UEE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pZCI6IjE0MyIsIkNvbG9yIjp7IiRyZWYiOiI3Ny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aWQiOiIxNjAiLCJDb2xvciI6eyIkcmVmIjoiNzci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E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2YzgyOGExMC1iNWM5LTRlYWEtOGY4Yi0yODM1NTNlYmRiNDYiLCJJbXBvcnRJZCI6bnVsbCwiVGl0bGUiOiJSZWxlYXNlIDIuMCIsIk5vdGUiOm51bGwsIkh5cGVybGluayI6bnVsbCwiSXNDaGFuZ2VkIjpmYWxzZSwiSXNOZXciOmZhbHNlfV0sIlRhc2tzIjpbeyIkaWQiOiIxNjIiLCJHcm91cE5hbWUiOm51bGwsIlN0YXJ0RGF0ZSI6IjIwMTgtMDEtMDFUMDA6MDA6MDBaIiwiRW5kRGF0ZSI6IjIwMTgtMDEtMzFUMjM6NTk6MDBaIiwiUGVyY2VudGFnZUNvbXBsZXRlIjpudWxsLCJTdHlsZSI6eyIkaWQiOiIxNjMiLCJTaGFwZSI6MCwiU2hhcGVUaGlja25lc3MiOjE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pZCI6IjE3M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SIsIkxpbmVDb2xvciI6bnVsbCwiTGluZVdlaWdodCI6MC4wLCJMaW5lVHlwZSI6MCwiUGFyZW50U3R5bGUiOm51bGx9LCJQYXJlbnRTdHlsZSI6bnVsbH0sIkhvcml6b250YWxDb25uZWN0b3JTdHlsZSI6eyIkaWQiOiIxNzIiLCJMaW5lQ29sb3IiOnsiJHJlZiI6Ijk4In0sIkxpbmVXZWlnaHQiOjEuMCwiTGluZVR5cGUiOjAsIlBhcmVudFN0eWxlIjpudWxsfSwiVmVydGljYWxDb25uZWN0b3JTdHlsZSI6eyIkaWQiOiIx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0IiwiTWFyZ2luIjp7IiRyZWYiOiIxMDQifSwiUGFkZGluZyI6eyIkcmVmIjoiMTA1In0sIkJhY2tncm91bmQiOnsiJGlkIjoiMTc1IiwiQ29sb3IiOnsiJGlkIjoiMTc2IiwiQSI6MjU1LCJSIjo5MSwiRyI6MTU1LCJCIjoyMTN9fSwiSXNWaXNpYmxlIjp0cnVlLCJXaWR0aCI6MC4wLCJIZWlnaHQiOjE2LjAsIkJvcmRlclN0eWxlIjp7IiRpZCI6IjE3NyIsIkxpbmVDb2xvciI6eyIkcmVmIjoiMTA5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U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k4In0sIkxpbmVXZWlnaHQiOjEuMCwiTGluZVR5cGUiOjAsIlBhcmVudFN0eWxlIjpudWxsfSwiVmVydGljYWxDb25uZWN0b3JTdHlsZSI6eyIkaWQiOiIxOT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4IiwiTWFyZ2luIjp7IiRyZWYiOiIxMDQifSwiUGFkZGluZyI6eyIkcmVmIjoiMTA1In0sIkJhY2tncm91bmQiOnsiJGlkIjoiMTk5IiwiQ29sb3IiOnsiJGlkIjoiMjAwIiwiQSI6MjU1LCJSIjoyMzcsIkciOjEyNSwiQiI6NDl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k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ZjM5MDQyNzgtMTZlOS00OTg0LWJlZGQtYjU2MGQzYzc2YjU1IiwiSW1wb3J0SWQiOm51bGwsIlRpdGxlIjoiU3ByaW50IDIiLCJOb3RlIjpudWxsLCJIeXBlcmxpbmsiOm51bGwsIklzQ2hhbmdlZCI6ZmFsc2UsIklzTmV3IjpmYWxzZX0seyIkaWQiOiIyMTAiLCJHcm91cE5hbWUiOm51bGwsIlN0YXJ0RGF0ZSI6IjIwMTgtMDMtMDFUMDA6MDA6MDBaIiwiRW5kRGF0ZSI6IjIwMTgtMDMtMzBUMjM6NTk6MDBaIiwiUGVyY2VudGFnZUNvbXBsZXRlIjpudWxsLCJTdHlsZSI6eyIkaWQiOiIyMTEiLCJTaGFwZSI6MCwiU2hhcGVUaGlja25lc3MiOjE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NSIsIkxpbmVDb2xvciI6bnVsbCwiTGluZVdlaWdodCI6MC4wLCJMaW5lVHlwZSI6MCwiUGFyZW50U3R5bGUiOm51bGx9LCJQYXJlbnRTdHlsZSI6bnVsbH0sIkR1cmF0aW9uU3R5bGUiOnsiJGlkIjoiMjE2IiwiRm9udFNldHRpbmdzIjp7IiRpZCI6IjIxNyIsIkZvbnRTaXplIjoxMCwiRm9udE5hbWUiOiJDYWxpYnJpIiwiSXNCb2xkIjpmYWxzZSwiSXNJdGFsaWMiOmZhbHNlLCJJc1VuZGVybGluZWQiOmZhbHNlLCJQYXJlbnRTdHlsZSI6bnVsbH0sIkF1dG9TaXplIjowLCJGb3JlZ3JvdW5kIjp7IiRpZCI6IjIxO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QifSwiUGFkZGluZyI6eyIkcmVmIjoiMTA1In0sIkJhY2tncm91bmQiOnsiJGlkIjoiMjIzIiwiQ29sb3IiOnsiJGlkIjoiMjI0IiwiQSI6MjU1LCJSIjoyNTUsIkciOjE5MiwiQiI6MH19LCJJc1Zpc2libGUiOnRydWUsIldpZHRoIjowLjAsIkhlaWdodCI6MTYuMCwiQm9yZGVyU3R5bGUiOnsiJGlkIjoiMjI1IiwiTGluZUNvbG9yIjp7IiRyZWYiOiIxMDk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My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0YzUyMzQ4Ni03ODA5LTQ2MzAtYTlkMi0wZWM4MDEwMTJiNTciLCJJbXBvcnRJZCI6bnVsbCwiVGl0bGUiOiJTcHJpbnQgMyIsIk5vdGUiOm51bGwsIkh5cGVybGluayI6bnVsbCwiSXNDaGFuZ2VkIjpmYWxzZSwiSXNOZXciOmZhbHNlfSx7IiRpZCI6IjIzNCIsIkdyb3VwTmFtZSI6bnVsbCwiU3RhcnREYXRlIjoiMjAxOC0wNC0wMlQwMDowMDowMFoiLCJFbmREYXRlIjoiMjAxOC0wNC0zMFQyMzo1OTowMFoiLCJQZXJjZW50YWdlQ29tcGxldGUiOm51bGwsIlN0eWxlIjp7IiRpZCI6IjIzNSIsIlNoYXBlIjowLCJTaGFwZVRoaWNrbmVzcyI6MS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YiLCJNYXJnaW4iOnsiJHJlZiI6IjEwNCJ9LCJQYWRkaW5nIjp7IiRyZWYiOiIxMDUifSwiQmFja2dyb3VuZCI6eyIkaWQiOiIyNDciLCJDb2xvciI6eyIkaWQiOiIyNDgiLCJBIjoyNTUsIlIiOjExMiwiRyI6MTczLCJCIjo3MX19LCJJc1Zpc2libGUiOnRydWUsIldpZHRoIjowLjAsIkhlaWdodCI6MTYuMCwiQm9yZGVyU3R5bGUiOnsiJGlkIjoiMjQ5IiwiTGluZUNvbG9yIjp7IiRyZWYiOiIxMDkifSwiTGluZVdlaWdodCI6MC4wLCJMaW5lVHlwZSI6MCwiUGFyZW50U3R5bGUiOm51bGx9LCJQYXJlbnRTdHlsZSI6bnVsbH0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iODMzZWY1Ni1jODM0LTQxYjgtYWFlOS1mOGFhMDAwZjA1YzciLCJJbXBvcnRJZCI6bnVsbCwiVGl0bGUiOiJTcHJpbnQgNCIsIk5vdGUiOm51bGwsIkh5cGVybGluayI6bnVsbCwiSXNDaGFuZ2VkIjpmYWxzZSwiSXNOZXciOmZhbHNlfSx7IiRpZCI6IjI1OCIsIkdyb3VwTmFtZSI6bnVsbCwiU3RhcnREYXRlIjoiMjAxOC0wNS0wMVQwMDowMDowMFoiLCJFbmREYXRlIjoiMjAxOC0wNS0zMVQyMzo1OTowMFoiLCJQZXJjZW50YWdlQ29tcGxldGUiOm51bGwsIlN0eWxlIjp7IiRpZCI6IjI1OSIsIlNoYXBlIjow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3IiwiTGluZUNvbG9yIjpudWxsLCJMaW5lV2VpZ2h0IjowLjAsIkxpbmVUeXBlIjowLCJQYXJlbnRTdHlsZSI6bnVsbH0sIlBhcmVudFN0eWxlIjpudWxsfSwiSG9yaXpvbnRhbENvbm5lY3RvclN0eWxlIjp7IiRpZCI6IjI2OCIsIkxpbmVDb2xvciI6eyIkcmVmIjoiOTgifSwiTGluZVdlaWdodCI6MS4wLCJMaW5lVHlwZSI6MCwiUGFyZW50U3R5bGUiOm51bGx9LCJWZXJ0aWNhbENvbm5lY3RvclN0eWxlIjp7IiRpZCI6IjI2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AiLCJNYXJnaW4iOnsiJHJlZiI6IjEwNCJ9LCJQYWRkaW5nIjp7IiRyZWYiOiIxMDUifSwiQmFja2dyb3VuZCI6eyIkaWQiOiIyNzEiLCJDb2xvciI6eyIkaWQiOiIyNzIiLCJBIjoyNTUsIlIiOjExMSwiRyI6NDksIkIiOjE1Mn19LCJJc1Zpc2libGUiOnRydWUsIldpZHRoIjowLjAsIkhlaWdodCI6MTYuMCwiQm9yZGVyU3R5bGUiOnsiJGlkIjoiMjczIiwiTGluZUNvbG9yIjp7IiRyZWYiOiIxMDk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1YzIyMzNhYS00Y2RmLTQ3MWMtYTNkYS1hYjkyNzZmNjUxZjIiLCJJbXBvcnRJZCI6bnVsbCwiVGl0bGUiOiJTcHJpbnQgNSIsIk5vdGUiOm51bGwsIkh5cGVybGluayI6bnVsbCwiSXNDaGFuZ2VkIjpmYWxzZSwiSXNOZXciOmZhbHNlfSx7IiRpZCI6IjI4MiIsIkdyb3VwTmFtZSI6bnVsbCwiU3RhcnREYXRlIjoiMjAxOC0wNi0wMVQwMDowMDowMFoiLCJFbmREYXRlIjoiMjAxOC0wNi0yOVQyMzo1OTowMFoiLCJQZXJjZW50YWdlQ29tcGxldGUiOm51bGwsIlN0eWxlIjp7IiRpZCI6IjI4MyIsIlNoYXBlIjowLCJTaGFwZVRoaWNrbmVzcyI6MS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xIiwiTGluZUNvbG9yIjpudWxsLCJMaW5lV2VpZ2h0IjowLjAsIkxpbmVUeXBlIjowLCJQYXJlbnRTdHlsZSI6bnVsbH0sIlBhcmVudFN0eWxlIjpudWxsfSwiSG9yaXpvbnRhbENvbm5lY3RvclN0eWxlIjp7IiRpZCI6IjI5MiIsIkxpbmVDb2xvciI6eyIkcmVmIjoiOTgifSwiTGluZVdlaWdodCI6MS4wLCJMaW5lVHlwZSI6MCwiUGFyZW50U3R5bGUiOm51bGx9LCJWZXJ0aWNhbENvbm5lY3RvclN0eWxlIjp7IiRpZCI6IjI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A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756</TotalTime>
  <Words>81</Words>
  <Application>Microsoft Office PowerPoint</Application>
  <PresentationFormat>Panorámica</PresentationFormat>
  <Paragraphs>33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Hector Bravo Consultor GE</cp:lastModifiedBy>
  <cp:revision>51</cp:revision>
  <dcterms:created xsi:type="dcterms:W3CDTF">2018-09-14T20:39:04Z</dcterms:created>
  <dcterms:modified xsi:type="dcterms:W3CDTF">2018-09-24T14:49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